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501\Desktop\"/>
    </mc:Choice>
  </mc:AlternateContent>
  <xr:revisionPtr revIDLastSave="0" documentId="13_ncr:1_{C497AC42-3F65-4324-81A1-F9E8CBD5FCDE}" xr6:coauthVersionLast="36" xr6:coauthVersionMax="36" xr10:uidLastSave="{00000000-0000-0000-0000-000000000000}"/>
  <bookViews>
    <workbookView xWindow="0" yWindow="0" windowWidth="28800" windowHeight="12135" xr2:uid="{546D5D41-41C4-418A-9343-134FE8636D19}"/>
  </bookViews>
  <sheets>
    <sheet name="Sheet2" sheetId="2" r:id="rId1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7" uniqueCount="30">
  <si>
    <t>月</t>
  </si>
  <si>
    <t>最近３か月間の売上高</t>
    <phoneticPr fontId="1"/>
  </si>
  <si>
    <t>円</t>
    <rPh sb="0" eb="1">
      <t>エン</t>
    </rPh>
    <phoneticPr fontId="1"/>
  </si>
  <si>
    <t>前年同期３か月間の売上高</t>
    <phoneticPr fontId="1"/>
  </si>
  <si>
    <t>売上比較表</t>
  </si>
  <si>
    <t>住所(所在地)</t>
  </si>
  <si>
    <t>氏名(名称･代表者)</t>
  </si>
  <si>
    <t>(イー③)</t>
  </si>
  <si>
    <t>円</t>
  </si>
  <si>
    <t>%</t>
  </si>
  <si>
    <t>表1： 売上高が減少している指定業種</t>
    <rPh sb="0" eb="1">
      <t>ヒョウ</t>
    </rPh>
    <rPh sb="4" eb="6">
      <t>ウリアゲ</t>
    </rPh>
    <rPh sb="6" eb="7">
      <t>タカ</t>
    </rPh>
    <rPh sb="8" eb="10">
      <t>ゲンショウ</t>
    </rPh>
    <rPh sb="14" eb="16">
      <t>シテイ</t>
    </rPh>
    <rPh sb="16" eb="18">
      <t>ギョウシュ</t>
    </rPh>
    <phoneticPr fontId="1"/>
  </si>
  <si>
    <t>売上高が減少して
いる指定業種</t>
    <phoneticPr fontId="1"/>
  </si>
  <si>
    <t>最近3か月の前年
同期の売上高</t>
    <rPh sb="0" eb="2">
      <t>サイキン</t>
    </rPh>
    <rPh sb="4" eb="5">
      <t>ゲツ</t>
    </rPh>
    <rPh sb="6" eb="8">
      <t>ゼンネン</t>
    </rPh>
    <rPh sb="9" eb="11">
      <t>ドウキ</t>
    </rPh>
    <rPh sb="12" eb="14">
      <t>ウリアゲ</t>
    </rPh>
    <rPh sb="14" eb="15">
      <t>タカ</t>
    </rPh>
    <phoneticPr fontId="1"/>
  </si>
  <si>
    <t>減少額</t>
    <rPh sb="0" eb="2">
      <t>ゲンショウ</t>
    </rPh>
    <rPh sb="2" eb="3">
      <t>ガク</t>
    </rPh>
    <phoneticPr fontId="1"/>
  </si>
  <si>
    <t>合計</t>
    <phoneticPr fontId="1"/>
  </si>
  <si>
    <t>(B)</t>
    <phoneticPr fontId="1"/>
  </si>
  <si>
    <t>(Ａ)</t>
    <phoneticPr fontId="1"/>
  </si>
  <si>
    <t>最近3か月の
売上高</t>
    <phoneticPr fontId="1"/>
  </si>
  <si>
    <t>※ 指定業種の売上高を合算して記載することも可｡</t>
    <phoneticPr fontId="1"/>
  </si>
  <si>
    <t>※　業種欄には、営んでいる事業が属する全ての業種（日本標準産業分類の細分類番号と</t>
    <rPh sb="2" eb="4">
      <t>ギョウシュ</t>
    </rPh>
    <rPh sb="4" eb="5">
      <t>ラン</t>
    </rPh>
    <rPh sb="8" eb="9">
      <t>イトナ</t>
    </rPh>
    <rPh sb="13" eb="15">
      <t>ジギョウ</t>
    </rPh>
    <rPh sb="16" eb="17">
      <t>ゾク</t>
    </rPh>
    <rPh sb="19" eb="20">
      <t>スベ</t>
    </rPh>
    <rPh sb="22" eb="24">
      <t>ギョウシュ</t>
    </rPh>
    <rPh sb="25" eb="27">
      <t>ニホン</t>
    </rPh>
    <rPh sb="27" eb="29">
      <t>ヒョウジュン</t>
    </rPh>
    <rPh sb="29" eb="31">
      <t>サンギョウ</t>
    </rPh>
    <rPh sb="31" eb="33">
      <t>ブンルイ</t>
    </rPh>
    <rPh sb="34" eb="37">
      <t>サイブンルイ</t>
    </rPh>
    <rPh sb="37" eb="39">
      <t>バンゴウ</t>
    </rPh>
    <phoneticPr fontId="1"/>
  </si>
  <si>
    <t>　　細分類業種名)を記載｡細分類業種は全て指定業種に該当することが必要｡</t>
    <phoneticPr fontId="1"/>
  </si>
  <si>
    <t>表2：企業全体の売上高</t>
    <phoneticPr fontId="1"/>
  </si>
  <si>
    <t>計（D）</t>
    <phoneticPr fontId="1"/>
  </si>
  <si>
    <t>計（C）</t>
    <phoneticPr fontId="1"/>
  </si>
  <si>
    <t>　　減少額等の割合</t>
    <phoneticPr fontId="1"/>
  </si>
  <si>
    <t>１　前年の企業全体の売上高等に対する､指定業種に属する事業の売上高等の</t>
    <phoneticPr fontId="1"/>
  </si>
  <si>
    <t>（ＢーＡ）／ＤＸ１００　＝</t>
    <phoneticPr fontId="1"/>
  </si>
  <si>
    <t>２　最近3か月の企業全体の売上高の減少率</t>
    <phoneticPr fontId="1"/>
  </si>
  <si>
    <t>（ＤーＣ）／ＤＸ１００　＝</t>
    <phoneticPr fontId="1"/>
  </si>
  <si>
    <t>印</t>
    <rPh sb="0" eb="1">
      <t>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3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3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1">
    <xf numFmtId="0" fontId="0" fillId="0" borderId="0" xfId="0">
      <alignment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right" vertical="center"/>
    </xf>
    <xf numFmtId="0" fontId="0" fillId="0" borderId="4" xfId="0" applyBorder="1" applyAlignment="1">
      <alignment horizontal="right" vertical="center"/>
    </xf>
    <xf numFmtId="0" fontId="0" fillId="0" borderId="2" xfId="0" applyBorder="1">
      <alignment vertical="center"/>
    </xf>
    <xf numFmtId="0" fontId="0" fillId="0" borderId="0" xfId="0" applyBorder="1">
      <alignment vertical="center"/>
    </xf>
    <xf numFmtId="0" fontId="0" fillId="0" borderId="4" xfId="0" applyBorder="1">
      <alignment vertical="center"/>
    </xf>
    <xf numFmtId="0" fontId="0" fillId="0" borderId="2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0" xfId="0" applyAlignment="1">
      <alignment horizontal="left" vertical="center" indent="4"/>
    </xf>
    <xf numFmtId="0" fontId="2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0" xfId="0" applyFont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0" fillId="0" borderId="4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86CED3F-7B20-423B-9AF8-4D9E3BC5C592}">
  <dimension ref="A1:H28"/>
  <sheetViews>
    <sheetView tabSelected="1" view="pageLayout" zoomScaleNormal="100" workbookViewId="0">
      <selection activeCell="B19" sqref="B19:C19"/>
    </sheetView>
  </sheetViews>
  <sheetFormatPr defaultRowHeight="18.75" x14ac:dyDescent="0.4"/>
  <cols>
    <col min="1" max="1" width="11" customWidth="1"/>
    <col min="2" max="2" width="8.25" customWidth="1"/>
    <col min="3" max="3" width="16.25" customWidth="1"/>
    <col min="4" max="4" width="4" customWidth="1"/>
    <col min="5" max="5" width="13.75" customWidth="1"/>
    <col min="6" max="6" width="8.25" customWidth="1"/>
    <col min="7" max="7" width="16.25" customWidth="1"/>
    <col min="8" max="8" width="4" customWidth="1"/>
  </cols>
  <sheetData>
    <row r="1" spans="1:8" s="10" customFormat="1" ht="33" customHeight="1" x14ac:dyDescent="0.4">
      <c r="A1" s="11" t="s">
        <v>4</v>
      </c>
      <c r="B1" s="11"/>
      <c r="C1" s="11"/>
      <c r="D1" s="11"/>
      <c r="E1" s="11"/>
      <c r="F1" s="11"/>
      <c r="G1" s="11"/>
      <c r="H1" s="11"/>
    </row>
    <row r="2" spans="1:8" x14ac:dyDescent="0.4">
      <c r="H2" s="1" t="s">
        <v>7</v>
      </c>
    </row>
    <row r="3" spans="1:8" x14ac:dyDescent="0.4">
      <c r="D3" s="12" t="s">
        <v>5</v>
      </c>
      <c r="E3" s="12"/>
      <c r="F3" s="13"/>
      <c r="G3" s="13"/>
    </row>
    <row r="4" spans="1:8" x14ac:dyDescent="0.4">
      <c r="D4" s="12" t="s">
        <v>6</v>
      </c>
      <c r="E4" s="12"/>
      <c r="F4" s="13"/>
      <c r="G4" s="13"/>
      <c r="H4" t="s">
        <v>29</v>
      </c>
    </row>
    <row r="5" spans="1:8" x14ac:dyDescent="0.4">
      <c r="A5" t="s">
        <v>10</v>
      </c>
    </row>
    <row r="6" spans="1:8" ht="45.75" customHeight="1" x14ac:dyDescent="0.4">
      <c r="A6" s="17" t="s">
        <v>11</v>
      </c>
      <c r="B6" s="17"/>
      <c r="C6" s="17" t="s">
        <v>12</v>
      </c>
      <c r="D6" s="17"/>
      <c r="E6" s="17" t="s">
        <v>17</v>
      </c>
      <c r="F6" s="17"/>
      <c r="G6" s="17" t="s">
        <v>13</v>
      </c>
      <c r="H6" s="17"/>
    </row>
    <row r="7" spans="1:8" ht="25.5" customHeight="1" x14ac:dyDescent="0.4">
      <c r="A7" s="15"/>
      <c r="B7" s="20"/>
      <c r="C7" s="4"/>
      <c r="D7" s="6" t="s">
        <v>8</v>
      </c>
      <c r="E7" s="4"/>
      <c r="F7" s="3" t="s">
        <v>8</v>
      </c>
      <c r="G7" s="4"/>
      <c r="H7" s="6" t="s">
        <v>8</v>
      </c>
    </row>
    <row r="8" spans="1:8" ht="25.5" customHeight="1" x14ac:dyDescent="0.4">
      <c r="A8" s="15"/>
      <c r="B8" s="20"/>
      <c r="C8" s="4"/>
      <c r="D8" s="6" t="s">
        <v>8</v>
      </c>
      <c r="E8" s="4"/>
      <c r="F8" s="3" t="s">
        <v>8</v>
      </c>
      <c r="G8" s="4"/>
      <c r="H8" s="6" t="s">
        <v>8</v>
      </c>
    </row>
    <row r="9" spans="1:8" ht="25.5" customHeight="1" x14ac:dyDescent="0.4">
      <c r="A9" s="15"/>
      <c r="B9" s="20"/>
      <c r="C9" s="4"/>
      <c r="D9" s="6" t="s">
        <v>8</v>
      </c>
      <c r="E9" s="4"/>
      <c r="F9" s="3" t="s">
        <v>8</v>
      </c>
      <c r="G9" s="4"/>
      <c r="H9" s="6" t="s">
        <v>8</v>
      </c>
    </row>
    <row r="10" spans="1:8" ht="25.5" customHeight="1" x14ac:dyDescent="0.4">
      <c r="A10" s="15"/>
      <c r="B10" s="20"/>
      <c r="C10" s="4"/>
      <c r="D10" s="6" t="s">
        <v>8</v>
      </c>
      <c r="E10" s="4"/>
      <c r="F10" s="3" t="s">
        <v>8</v>
      </c>
      <c r="G10" s="4"/>
      <c r="H10" s="6" t="s">
        <v>8</v>
      </c>
    </row>
    <row r="11" spans="1:8" ht="25.5" customHeight="1" x14ac:dyDescent="0.4">
      <c r="A11" s="15" t="s">
        <v>14</v>
      </c>
      <c r="B11" s="20"/>
      <c r="C11" s="4" t="s">
        <v>15</v>
      </c>
      <c r="D11" s="6" t="s">
        <v>8</v>
      </c>
      <c r="E11" s="4" t="s">
        <v>16</v>
      </c>
      <c r="F11" s="3" t="s">
        <v>8</v>
      </c>
      <c r="G11" s="4"/>
      <c r="H11" s="6" t="s">
        <v>8</v>
      </c>
    </row>
    <row r="12" spans="1:8" ht="18.75" customHeight="1" x14ac:dyDescent="0.4">
      <c r="A12" s="18" t="s">
        <v>19</v>
      </c>
      <c r="B12" s="18"/>
      <c r="C12" s="19"/>
      <c r="D12" s="19"/>
      <c r="E12" s="19"/>
      <c r="F12" s="19"/>
      <c r="G12" s="19"/>
      <c r="H12" s="19"/>
    </row>
    <row r="13" spans="1:8" x14ac:dyDescent="0.4">
      <c r="A13" t="s">
        <v>20</v>
      </c>
    </row>
    <row r="14" spans="1:8" x14ac:dyDescent="0.4">
      <c r="A14" t="s">
        <v>18</v>
      </c>
    </row>
    <row r="16" spans="1:8" x14ac:dyDescent="0.4">
      <c r="A16" t="s">
        <v>21</v>
      </c>
    </row>
    <row r="17" spans="1:8" ht="22.5" customHeight="1" x14ac:dyDescent="0.4">
      <c r="A17" s="14" t="s">
        <v>1</v>
      </c>
      <c r="B17" s="14"/>
      <c r="C17" s="14"/>
      <c r="D17" s="14"/>
      <c r="E17" s="14" t="s">
        <v>3</v>
      </c>
      <c r="F17" s="14"/>
      <c r="G17" s="14"/>
      <c r="H17" s="14"/>
    </row>
    <row r="18" spans="1:8" ht="22.5" customHeight="1" x14ac:dyDescent="0.4">
      <c r="A18" s="2" t="s">
        <v>0</v>
      </c>
      <c r="B18" s="14"/>
      <c r="C18" s="15"/>
      <c r="D18" s="3" t="s">
        <v>2</v>
      </c>
      <c r="E18" s="3" t="s">
        <v>0</v>
      </c>
      <c r="F18" s="15"/>
      <c r="G18" s="16"/>
      <c r="H18" s="3" t="s">
        <v>2</v>
      </c>
    </row>
    <row r="19" spans="1:8" ht="22.5" customHeight="1" x14ac:dyDescent="0.4">
      <c r="A19" s="2" t="s">
        <v>0</v>
      </c>
      <c r="B19" s="14"/>
      <c r="C19" s="15"/>
      <c r="D19" s="3" t="s">
        <v>2</v>
      </c>
      <c r="E19" s="3" t="s">
        <v>0</v>
      </c>
      <c r="F19" s="15"/>
      <c r="G19" s="16"/>
      <c r="H19" s="3" t="s">
        <v>2</v>
      </c>
    </row>
    <row r="20" spans="1:8" ht="22.5" customHeight="1" x14ac:dyDescent="0.4">
      <c r="A20" s="2" t="s">
        <v>0</v>
      </c>
      <c r="B20" s="14"/>
      <c r="C20" s="15"/>
      <c r="D20" s="3" t="s">
        <v>2</v>
      </c>
      <c r="E20" s="3" t="s">
        <v>0</v>
      </c>
      <c r="F20" s="15"/>
      <c r="G20" s="16"/>
      <c r="H20" s="3" t="s">
        <v>2</v>
      </c>
    </row>
    <row r="21" spans="1:8" ht="22.5" customHeight="1" x14ac:dyDescent="0.4">
      <c r="A21" s="8" t="s">
        <v>22</v>
      </c>
      <c r="B21" s="14"/>
      <c r="C21" s="15"/>
      <c r="D21" s="3" t="s">
        <v>2</v>
      </c>
      <c r="E21" s="7" t="s">
        <v>23</v>
      </c>
      <c r="F21" s="15"/>
      <c r="G21" s="16"/>
      <c r="H21" s="3" t="s">
        <v>2</v>
      </c>
    </row>
    <row r="23" spans="1:8" x14ac:dyDescent="0.4">
      <c r="A23" t="s">
        <v>25</v>
      </c>
    </row>
    <row r="24" spans="1:8" x14ac:dyDescent="0.4">
      <c r="A24" t="s">
        <v>24</v>
      </c>
      <c r="C24" s="5"/>
      <c r="D24" s="5"/>
    </row>
    <row r="25" spans="1:8" x14ac:dyDescent="0.4">
      <c r="A25" s="9" t="s">
        <v>26</v>
      </c>
      <c r="F25" t="s">
        <v>9</v>
      </c>
    </row>
    <row r="27" spans="1:8" x14ac:dyDescent="0.4">
      <c r="A27" t="s">
        <v>27</v>
      </c>
    </row>
    <row r="28" spans="1:8" x14ac:dyDescent="0.4">
      <c r="A28" s="9" t="s">
        <v>28</v>
      </c>
      <c r="F28" t="s">
        <v>9</v>
      </c>
    </row>
  </sheetData>
  <mergeCells count="25">
    <mergeCell ref="B21:C21"/>
    <mergeCell ref="F21:G21"/>
    <mergeCell ref="C6:D6"/>
    <mergeCell ref="E6:F6"/>
    <mergeCell ref="G6:H6"/>
    <mergeCell ref="A12:H12"/>
    <mergeCell ref="A17:D17"/>
    <mergeCell ref="E17:H17"/>
    <mergeCell ref="A6:B6"/>
    <mergeCell ref="A11:B11"/>
    <mergeCell ref="A7:B7"/>
    <mergeCell ref="A8:B8"/>
    <mergeCell ref="A9:B9"/>
    <mergeCell ref="A10:B10"/>
    <mergeCell ref="B18:C18"/>
    <mergeCell ref="B19:C19"/>
    <mergeCell ref="B20:C20"/>
    <mergeCell ref="F18:G18"/>
    <mergeCell ref="F20:G20"/>
    <mergeCell ref="F19:G19"/>
    <mergeCell ref="A1:H1"/>
    <mergeCell ref="D3:E3"/>
    <mergeCell ref="D4:E4"/>
    <mergeCell ref="F3:G3"/>
    <mergeCell ref="F4:G4"/>
  </mergeCells>
  <phoneticPr fontId="1"/>
  <pageMargins left="0.7" right="0.51041666666666663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本　沙里</dc:creator>
  <cp:lastModifiedBy>仲本　沙里</cp:lastModifiedBy>
  <dcterms:created xsi:type="dcterms:W3CDTF">2021-01-07T07:06:35Z</dcterms:created>
  <dcterms:modified xsi:type="dcterms:W3CDTF">2021-01-07T07:59:17Z</dcterms:modified>
</cp:coreProperties>
</file>